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4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67" d="100"/>
          <a:sy n="67" d="100"/>
        </p:scale>
        <p:origin x="90" y="30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10/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1F3493DE-B5E2-4290-ADC9-B67EB95860F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55A4BE60-4C3A-4E11-BB21-81E1525CFABF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3" name="OTLSHAPE_T_5c9bc9bf06304f2bb0d031de4639c0e0_LeftVerticalConnector1">
            <a:extLst>
              <a:ext uri="{FF2B5EF4-FFF2-40B4-BE49-F238E27FC236}">
                <a16:creationId xmlns:a16="http://schemas.microsoft.com/office/drawing/2014/main" id="{39C4F808-659A-4812-83CD-5166492227F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6094192" y="1393613"/>
            <a:ext cx="0" cy="37498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5c9bc9bf06304f2bb0d031de4639c0e0_RightVerticalConnector1">
            <a:extLst>
              <a:ext uri="{FF2B5EF4-FFF2-40B4-BE49-F238E27FC236}">
                <a16:creationId xmlns:a16="http://schemas.microsoft.com/office/drawing/2014/main" id="{E00B4BAB-762B-42DD-91B8-C31C47ECBCF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719967" y="1393613"/>
            <a:ext cx="0" cy="25814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5c9bc9bf06304f2bb0d031de4639c0e0_RightVerticalConnector2">
            <a:extLst>
              <a:ext uri="{FF2B5EF4-FFF2-40B4-BE49-F238E27FC236}">
                <a16:creationId xmlns:a16="http://schemas.microsoft.com/office/drawing/2014/main" id="{E911F7DD-A557-49F5-ADF6-BFC6FF2C5FD2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719967" y="4254500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6da36bdbdea4a028c1ddcdc53bdf778_LeftVerticalConnector1">
            <a:extLst>
              <a:ext uri="{FF2B5EF4-FFF2-40B4-BE49-F238E27FC236}">
                <a16:creationId xmlns:a16="http://schemas.microsoft.com/office/drawing/2014/main" id="{C26035CF-B8BB-4EF1-89E0-69B2A9446E9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44465" y="2108369"/>
            <a:ext cx="0" cy="6366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6da36bdbdea4a028c1ddcdc53bdf778_LeftVerticalConnector2">
            <a:extLst>
              <a:ext uri="{FF2B5EF4-FFF2-40B4-BE49-F238E27FC236}">
                <a16:creationId xmlns:a16="http://schemas.microsoft.com/office/drawing/2014/main" id="{5C6AA091-F3C4-4664-8423-8CDA02D7C86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44465" y="3024463"/>
            <a:ext cx="0" cy="6621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76da36bdbdea4a028c1ddcdc53bdf778_LeftVerticalConnector3">
            <a:extLst>
              <a:ext uri="{FF2B5EF4-FFF2-40B4-BE49-F238E27FC236}">
                <a16:creationId xmlns:a16="http://schemas.microsoft.com/office/drawing/2014/main" id="{F5482781-B86A-4858-94DA-368FBFE8AA3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44465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76da36bdbdea4a028c1ddcdc53bdf778_RightVerticalConnector1">
            <a:extLst>
              <a:ext uri="{FF2B5EF4-FFF2-40B4-BE49-F238E27FC236}">
                <a16:creationId xmlns:a16="http://schemas.microsoft.com/office/drawing/2014/main" id="{36FD4F6C-4A47-4D50-A456-64393E77D088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68417" y="2108369"/>
            <a:ext cx="0" cy="6366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76da36bdbdea4a028c1ddcdc53bdf778_RightVerticalConnector2">
            <a:extLst>
              <a:ext uri="{FF2B5EF4-FFF2-40B4-BE49-F238E27FC236}">
                <a16:creationId xmlns:a16="http://schemas.microsoft.com/office/drawing/2014/main" id="{98375975-C540-4282-AC4F-D1BA249C038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468417" y="3024463"/>
            <a:ext cx="0" cy="2648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76da36bdbdea4a028c1ddcdc53bdf778_RightVerticalConnector3">
            <a:extLst>
              <a:ext uri="{FF2B5EF4-FFF2-40B4-BE49-F238E27FC236}">
                <a16:creationId xmlns:a16="http://schemas.microsoft.com/office/drawing/2014/main" id="{E9B10D2D-35FD-4FAB-91C4-9294AACAAB4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468417" y="3514260"/>
            <a:ext cx="0" cy="16292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dcf50ad2f6343b0a353fd9c062b3abb_LeftVerticalConnector1" hidden="1">
            <a:extLst>
              <a:ext uri="{FF2B5EF4-FFF2-40B4-BE49-F238E27FC236}">
                <a16:creationId xmlns:a16="http://schemas.microsoft.com/office/drawing/2014/main" id="{EFD67559-9442-47C8-9EFA-BE708A62C65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44465" y="3024463"/>
            <a:ext cx="0" cy="26483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dcf50ad2f6343b0a353fd9c062b3abb_LeftVerticalConnector2" hidden="1">
            <a:extLst>
              <a:ext uri="{FF2B5EF4-FFF2-40B4-BE49-F238E27FC236}">
                <a16:creationId xmlns:a16="http://schemas.microsoft.com/office/drawing/2014/main" id="{97E47D6C-0729-4739-AB37-33FE54C8E0D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44465" y="35687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dcf50ad2f6343b0a353fd9c062b3abb_LeftVerticalConnector3" hidden="1">
            <a:extLst>
              <a:ext uri="{FF2B5EF4-FFF2-40B4-BE49-F238E27FC236}">
                <a16:creationId xmlns:a16="http://schemas.microsoft.com/office/drawing/2014/main" id="{FD6D1528-7912-44B9-A021-7247D9F43E5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44465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edcf50ad2f6343b0a353fd9c062b3abb_RightVerticalConnector1" hidden="1">
            <a:extLst>
              <a:ext uri="{FF2B5EF4-FFF2-40B4-BE49-F238E27FC236}">
                <a16:creationId xmlns:a16="http://schemas.microsoft.com/office/drawing/2014/main" id="{584B126C-7AF7-4482-AC0D-8548928989B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468417" y="3024463"/>
            <a:ext cx="0" cy="26483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edcf50ad2f6343b0a353fd9c062b3abb_RightVerticalConnector2" hidden="1">
            <a:extLst>
              <a:ext uri="{FF2B5EF4-FFF2-40B4-BE49-F238E27FC236}">
                <a16:creationId xmlns:a16="http://schemas.microsoft.com/office/drawing/2014/main" id="{5266CB13-E840-40B4-95C9-722CB3EB9A9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468417" y="3514260"/>
            <a:ext cx="0" cy="16292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8f2b0639cdde4914aeefda2c134fdbb2_LeftVerticalConnector1" hidden="1">
            <a:extLst>
              <a:ext uri="{FF2B5EF4-FFF2-40B4-BE49-F238E27FC236}">
                <a16:creationId xmlns:a16="http://schemas.microsoft.com/office/drawing/2014/main" id="{4DD5308B-0493-48A0-8852-6BD49B8AA38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44465" y="35687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8f2b0639cdde4914aeefda2c134fdbb2_LeftVerticalConnector2" hidden="1">
            <a:extLst>
              <a:ext uri="{FF2B5EF4-FFF2-40B4-BE49-F238E27FC236}">
                <a16:creationId xmlns:a16="http://schemas.microsoft.com/office/drawing/2014/main" id="{0B814808-59D0-410D-B60B-F49C0FCB3A1D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44465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8f2b0639cdde4914aeefda2c134fdbb2_RightVerticalConnector1" hidden="1">
            <a:extLst>
              <a:ext uri="{FF2B5EF4-FFF2-40B4-BE49-F238E27FC236}">
                <a16:creationId xmlns:a16="http://schemas.microsoft.com/office/drawing/2014/main" id="{982D07BD-4AB5-4B46-9524-46394292ADB4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094192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8f2b0639cdde4914aeefda2c134fdbb2_RightVerticalConnector2" hidden="1">
            <a:extLst>
              <a:ext uri="{FF2B5EF4-FFF2-40B4-BE49-F238E27FC236}">
                <a16:creationId xmlns:a16="http://schemas.microsoft.com/office/drawing/2014/main" id="{EA4C32E8-5A91-4783-A5AF-2FD6CDC7F43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094192" y="3911600"/>
            <a:ext cx="0" cy="1231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42425b49063a4e35a5ffaff6aad915bf_LeftVerticalConnector1" hidden="1">
            <a:extLst>
              <a:ext uri="{FF2B5EF4-FFF2-40B4-BE49-F238E27FC236}">
                <a16:creationId xmlns:a16="http://schemas.microsoft.com/office/drawing/2014/main" id="{C345CAA8-C8C0-4C52-BD8A-61A1D90F03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470240" y="3911600"/>
            <a:ext cx="0" cy="1231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42425b49063a4e35a5ffaff6aad915bf_RightVerticalConnector1" hidden="1">
            <a:extLst>
              <a:ext uri="{FF2B5EF4-FFF2-40B4-BE49-F238E27FC236}">
                <a16:creationId xmlns:a16="http://schemas.microsoft.com/office/drawing/2014/main" id="{90D90625-206D-47E1-A009-9625339585CC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094192" y="3911600"/>
            <a:ext cx="0" cy="1231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13dadfeb13b44023b12f0dbd3f4f2727_LeftVerticalConnector1" hidden="1">
            <a:extLst>
              <a:ext uri="{FF2B5EF4-FFF2-40B4-BE49-F238E27FC236}">
                <a16:creationId xmlns:a16="http://schemas.microsoft.com/office/drawing/2014/main" id="{147FB47E-A3CC-42E2-98B8-0CF9ADE95FD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096015" y="4254500"/>
            <a:ext cx="0" cy="889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13dadfeb13b44023b12f0dbd3f4f2727_RightVerticalConnector1" hidden="1">
            <a:extLst>
              <a:ext uri="{FF2B5EF4-FFF2-40B4-BE49-F238E27FC236}">
                <a16:creationId xmlns:a16="http://schemas.microsoft.com/office/drawing/2014/main" id="{3F611E84-11AC-40C9-811D-DA35873A480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719967" y="4254500"/>
            <a:ext cx="0" cy="889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a5b5d6e7f0c244248fc79202bdd571f0_LeftVerticalConnector1" hidden="1">
            <a:extLst>
              <a:ext uri="{FF2B5EF4-FFF2-40B4-BE49-F238E27FC236}">
                <a16:creationId xmlns:a16="http://schemas.microsoft.com/office/drawing/2014/main" id="{CE7082C2-1F93-4DF7-8FD1-55529E2D7EBD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721790" y="45974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a5b5d6e7f0c244248fc79202bdd571f0_LeftVerticalConnector2" hidden="1">
            <a:extLst>
              <a:ext uri="{FF2B5EF4-FFF2-40B4-BE49-F238E27FC236}">
                <a16:creationId xmlns:a16="http://schemas.microsoft.com/office/drawing/2014/main" id="{7F96C280-6C1B-4BAF-985B-D5A01E09CDFA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721790" y="49403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a5b5d6e7f0c244248fc79202bdd571f0_RightVerticalConnector1">
            <a:extLst>
              <a:ext uri="{FF2B5EF4-FFF2-40B4-BE49-F238E27FC236}">
                <a16:creationId xmlns:a16="http://schemas.microsoft.com/office/drawing/2014/main" id="{E41BF645-0EF6-42F1-BF3D-879595C5B4BC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1345742" y="45974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a5b5d6e7f0c244248fc79202bdd571f0_RightVerticalConnector2">
            <a:extLst>
              <a:ext uri="{FF2B5EF4-FFF2-40B4-BE49-F238E27FC236}">
                <a16:creationId xmlns:a16="http://schemas.microsoft.com/office/drawing/2014/main" id="{FEF03309-7F0D-4AEA-89F9-9D83E61F7ABC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1345742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c48d5e77da9f41ab827b435fed521d54_LeftVerticalConnector1" hidden="1">
            <a:extLst>
              <a:ext uri="{FF2B5EF4-FFF2-40B4-BE49-F238E27FC236}">
                <a16:creationId xmlns:a16="http://schemas.microsoft.com/office/drawing/2014/main" id="{9913BE85-0F1A-4790-8104-56BC640DB62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721790" y="49403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c48d5e77da9f41ab827b435fed521d54_RightVerticalConnector1" hidden="1">
            <a:extLst>
              <a:ext uri="{FF2B5EF4-FFF2-40B4-BE49-F238E27FC236}">
                <a16:creationId xmlns:a16="http://schemas.microsoft.com/office/drawing/2014/main" id="{CE6EAE97-0955-4FF0-B228-811CA095B438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11345742" y="49403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9A21FCA-388A-48E2-9E41-E56A9833601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EFE692A3-D859-4B61-BDED-0A6D645FD9A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98679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Extension">
            <a:extLst>
              <a:ext uri="{FF2B5EF4-FFF2-40B4-BE49-F238E27FC236}">
                <a16:creationId xmlns:a16="http://schemas.microsoft.com/office/drawing/2014/main" id="{153F2834-457F-4553-BD49-F8B2DB7BC56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44465" y="1114213"/>
            <a:ext cx="9867900" cy="40292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>
            <a:extLst>
              <a:ext uri="{FF2B5EF4-FFF2-40B4-BE49-F238E27FC236}">
                <a16:creationId xmlns:a16="http://schemas.microsoft.com/office/drawing/2014/main" id="{4D512D91-A4DF-4DFD-9DFC-B51CD035617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656824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>
            <a:extLst>
              <a:ext uri="{FF2B5EF4-FFF2-40B4-BE49-F238E27FC236}">
                <a16:creationId xmlns:a16="http://schemas.microsoft.com/office/drawing/2014/main" id="{3FB151DB-C065-415C-A9DD-21B7DD76BF4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0531125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D8304E54-B10D-49E6-87BC-634AD3B88D1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2C36272-187A-4616-BEB4-C83CE9407AE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533740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E320FA35-1DF0-4D02-B0EB-DA5B823AD60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159515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" name="OTLSHAPE_TB_00000000000000000000000000000000_TimescaleInterval4">
            <a:extLst>
              <a:ext uri="{FF2B5EF4-FFF2-40B4-BE49-F238E27FC236}">
                <a16:creationId xmlns:a16="http://schemas.microsoft.com/office/drawing/2014/main" id="{BAD20D3D-9618-4B05-8259-FBC69A62176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785290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41" name="OTLSHAPE_T_5c9bc9bf06304f2bb0d031de4639c0e0_Shape">
            <a:extLst>
              <a:ext uri="{FF2B5EF4-FFF2-40B4-BE49-F238E27FC236}">
                <a16:creationId xmlns:a16="http://schemas.microsoft.com/office/drawing/2014/main" id="{736E802F-43E1-4ECC-80C5-8DD2B8E69D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094192" y="1114213"/>
            <a:ext cx="26289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_76da36bdbdea4a028c1ddcdc53bdf778_Shape">
            <a:extLst>
              <a:ext uri="{FF2B5EF4-FFF2-40B4-BE49-F238E27FC236}">
                <a16:creationId xmlns:a16="http://schemas.microsoft.com/office/drawing/2014/main" id="{85B5F56E-8992-4271-9B65-95FC1B25DB5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44465" y="1828969"/>
            <a:ext cx="26289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T_edcf50ad2f6343b0a353fd9c062b3abb_Shape">
            <a:extLst>
              <a:ext uri="{FF2B5EF4-FFF2-40B4-BE49-F238E27FC236}">
                <a16:creationId xmlns:a16="http://schemas.microsoft.com/office/drawing/2014/main" id="{DF9B024B-8734-4255-BC73-6DEB621BAD4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44465" y="2745063"/>
            <a:ext cx="26289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T_8f2b0639cdde4914aeefda2c134fdbb2_Shape">
            <a:extLst>
              <a:ext uri="{FF2B5EF4-FFF2-40B4-BE49-F238E27FC236}">
                <a16:creationId xmlns:a16="http://schemas.microsoft.com/office/drawing/2014/main" id="{DB9EDCCF-6531-4BD1-BC0B-FCC42E2B363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44465" y="3289300"/>
            <a:ext cx="5257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T_42425b49063a4e35a5ffaff6aad915bf_Shape">
            <a:extLst>
              <a:ext uri="{FF2B5EF4-FFF2-40B4-BE49-F238E27FC236}">
                <a16:creationId xmlns:a16="http://schemas.microsoft.com/office/drawing/2014/main" id="{94701BEC-1956-4418-9F4A-C1FAAD22041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470240" y="3632200"/>
            <a:ext cx="26289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T_13dadfeb13b44023b12f0dbd3f4f2727_Shape">
            <a:extLst>
              <a:ext uri="{FF2B5EF4-FFF2-40B4-BE49-F238E27FC236}">
                <a16:creationId xmlns:a16="http://schemas.microsoft.com/office/drawing/2014/main" id="{D7767BD3-E0B6-4D4E-AA55-0660F8DF0F8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096015" y="3975100"/>
            <a:ext cx="26289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T_a5b5d6e7f0c244248fc79202bdd571f0_Shape">
            <a:extLst>
              <a:ext uri="{FF2B5EF4-FFF2-40B4-BE49-F238E27FC236}">
                <a16:creationId xmlns:a16="http://schemas.microsoft.com/office/drawing/2014/main" id="{C77BF038-B0A0-4A60-A521-DAD146EF8B9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721790" y="4318000"/>
            <a:ext cx="26289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T_c48d5e77da9f41ab827b435fed521d54_Shape">
            <a:extLst>
              <a:ext uri="{FF2B5EF4-FFF2-40B4-BE49-F238E27FC236}">
                <a16:creationId xmlns:a16="http://schemas.microsoft.com/office/drawing/2014/main" id="{BFB73942-37C9-47DC-B479-86275F72F21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721790" y="4660900"/>
            <a:ext cx="26289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5c9bc9bf06304f2bb0d031de4639c0e0_ShapePercentage">
            <a:extLst>
              <a:ext uri="{FF2B5EF4-FFF2-40B4-BE49-F238E27FC236}">
                <a16:creationId xmlns:a16="http://schemas.microsoft.com/office/drawing/2014/main" id="{D1FF8D21-C5D7-4D6C-9237-768C9E0757D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094192" y="1114213"/>
            <a:ext cx="1397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T_76da36bdbdea4a028c1ddcdc53bdf778_ShapePercentage">
            <a:extLst>
              <a:ext uri="{FF2B5EF4-FFF2-40B4-BE49-F238E27FC236}">
                <a16:creationId xmlns:a16="http://schemas.microsoft.com/office/drawing/2014/main" id="{03029EA8-3DFE-4934-B238-D15FCF7F261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44465" y="1828969"/>
            <a:ext cx="1397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T_edcf50ad2f6343b0a353fd9c062b3abb_ShapePercentage">
            <a:extLst>
              <a:ext uri="{FF2B5EF4-FFF2-40B4-BE49-F238E27FC236}">
                <a16:creationId xmlns:a16="http://schemas.microsoft.com/office/drawing/2014/main" id="{92EE6717-7650-4D1E-9AAE-BD5FA68C618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44465" y="2745063"/>
            <a:ext cx="2667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T_8f2b0639cdde4914aeefda2c134fdbb2_ShapePercentage">
            <a:extLst>
              <a:ext uri="{FF2B5EF4-FFF2-40B4-BE49-F238E27FC236}">
                <a16:creationId xmlns:a16="http://schemas.microsoft.com/office/drawing/2014/main" id="{B05DE783-2B29-4D7B-980E-BE8AC630D0D0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44465" y="3289300"/>
            <a:ext cx="15875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T_42425b49063a4e35a5ffaff6aad915bf_ShapePercentage">
            <a:extLst>
              <a:ext uri="{FF2B5EF4-FFF2-40B4-BE49-F238E27FC236}">
                <a16:creationId xmlns:a16="http://schemas.microsoft.com/office/drawing/2014/main" id="{CAAC11B0-FB7C-4275-B2AE-B49DB587F2D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470240" y="3632200"/>
            <a:ext cx="1574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T_13dadfeb13b44023b12f0dbd3f4f2727_ShapePercentage">
            <a:extLst>
              <a:ext uri="{FF2B5EF4-FFF2-40B4-BE49-F238E27FC236}">
                <a16:creationId xmlns:a16="http://schemas.microsoft.com/office/drawing/2014/main" id="{26F3C380-232E-4F94-A562-01BE157EEB5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096015" y="3975100"/>
            <a:ext cx="210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T_a5b5d6e7f0c244248fc79202bdd571f0_ShapePercentage">
            <a:extLst>
              <a:ext uri="{FF2B5EF4-FFF2-40B4-BE49-F238E27FC236}">
                <a16:creationId xmlns:a16="http://schemas.microsoft.com/office/drawing/2014/main" id="{4E5420D5-85F7-4F1E-8B74-ABDAF702EBD8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721790" y="4318000"/>
            <a:ext cx="25019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T_c48d5e77da9f41ab827b435fed521d54_ShapePercentage">
            <a:extLst>
              <a:ext uri="{FF2B5EF4-FFF2-40B4-BE49-F238E27FC236}">
                <a16:creationId xmlns:a16="http://schemas.microsoft.com/office/drawing/2014/main" id="{5448DA60-B7A2-40B7-820C-947B0AE04E9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721790" y="4660900"/>
            <a:ext cx="26289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T_5c9bc9bf06304f2bb0d031de4639c0e0_Duration" hidden="1">
            <a:extLst>
              <a:ext uri="{FF2B5EF4-FFF2-40B4-BE49-F238E27FC236}">
                <a16:creationId xmlns:a16="http://schemas.microsoft.com/office/drawing/2014/main" id="{FF339376-FD10-4FA5-B347-EE4FCA7B0DF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44" name="OTLSHAPE_T_5c9bc9bf06304f2bb0d031de4639c0e0_StartDate" hidden="1">
            <a:extLst>
              <a:ext uri="{FF2B5EF4-FFF2-40B4-BE49-F238E27FC236}">
                <a16:creationId xmlns:a16="http://schemas.microsoft.com/office/drawing/2014/main" id="{ECABCA35-BE88-4B90-ACB3-74D155172E0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5c9bc9bf06304f2bb0d031de4639c0e0_EndDate" hidden="1">
            <a:extLst>
              <a:ext uri="{FF2B5EF4-FFF2-40B4-BE49-F238E27FC236}">
                <a16:creationId xmlns:a16="http://schemas.microsoft.com/office/drawing/2014/main" id="{69592511-8624-4AC0-998F-C49A15065A7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5c9bc9bf06304f2bb0d031de4639c0e0_JoinedDate">
            <a:extLst>
              <a:ext uri="{FF2B5EF4-FFF2-40B4-BE49-F238E27FC236}">
                <a16:creationId xmlns:a16="http://schemas.microsoft.com/office/drawing/2014/main" id="{42C9561B-3BFD-438E-9911-8FBA654B6F3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770767" y="117640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5 - Oct 6</a:t>
            </a:r>
          </a:p>
        </p:txBody>
      </p:sp>
      <p:sp>
        <p:nvSpPr>
          <p:cNvPr id="47" name="OTLSHAPE_T_5c9bc9bf06304f2bb0d031de4639c0e0_Title">
            <a:extLst>
              <a:ext uri="{FF2B5EF4-FFF2-40B4-BE49-F238E27FC236}">
                <a16:creationId xmlns:a16="http://schemas.microsoft.com/office/drawing/2014/main" id="{6457E188-AAE0-4302-A8AB-9757B7B4FF6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693932" y="1168654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planning started.</a:t>
            </a:r>
          </a:p>
        </p:txBody>
      </p:sp>
      <p:sp>
        <p:nvSpPr>
          <p:cNvPr id="48" name="OTLSHAPE_T_5c9bc9bf06304f2bb0d031de4639c0e0_TextPercentage" hidden="1">
            <a:extLst>
              <a:ext uri="{FF2B5EF4-FFF2-40B4-BE49-F238E27FC236}">
                <a16:creationId xmlns:a16="http://schemas.microsoft.com/office/drawing/2014/main" id="{44129C1D-E45F-4001-B812-B4E36063A06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EECE1"/>
                </a:solidFill>
                <a:latin typeface="Calibri" panose="020F0502020204030204" pitchFamily="34" charset="0"/>
              </a:rPr>
              <a:t>5%</a:t>
            </a:r>
          </a:p>
        </p:txBody>
      </p:sp>
      <p:sp>
        <p:nvSpPr>
          <p:cNvPr id="51" name="OTLSHAPE_T_76da36bdbdea4a028c1ddcdc53bdf778_Duration" hidden="1">
            <a:extLst>
              <a:ext uri="{FF2B5EF4-FFF2-40B4-BE49-F238E27FC236}">
                <a16:creationId xmlns:a16="http://schemas.microsoft.com/office/drawing/2014/main" id="{780BD3FC-00EF-4FFB-9A22-B0A80898491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2" name="OTLSHAPE_T_76da36bdbdea4a028c1ddcdc53bdf778_StartDate" hidden="1">
            <a:extLst>
              <a:ext uri="{FF2B5EF4-FFF2-40B4-BE49-F238E27FC236}">
                <a16:creationId xmlns:a16="http://schemas.microsoft.com/office/drawing/2014/main" id="{7B3D6374-53B1-4D6D-BDD2-8EA4E9E6CAC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76da36bdbdea4a028c1ddcdc53bdf778_EndDate" hidden="1">
            <a:extLst>
              <a:ext uri="{FF2B5EF4-FFF2-40B4-BE49-F238E27FC236}">
                <a16:creationId xmlns:a16="http://schemas.microsoft.com/office/drawing/2014/main" id="{F17905D1-AA4B-4B17-9261-9819225DEF9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76da36bdbdea4a028c1ddcdc53bdf778_Title">
            <a:extLst>
              <a:ext uri="{FF2B5EF4-FFF2-40B4-BE49-F238E27FC236}">
                <a16:creationId xmlns:a16="http://schemas.microsoft.com/office/drawing/2014/main" id="{161198D3-27D1-427C-933A-57928F9D865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5551" y="1457113"/>
            <a:ext cx="749300" cy="10231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Developer tools and softwares added along with version control.</a:t>
            </a:r>
          </a:p>
        </p:txBody>
      </p:sp>
      <p:sp>
        <p:nvSpPr>
          <p:cNvPr id="55" name="OTLSHAPE_T_76da36bdbdea4a028c1ddcdc53bdf778_JoinedDate">
            <a:extLst>
              <a:ext uri="{FF2B5EF4-FFF2-40B4-BE49-F238E27FC236}">
                <a16:creationId xmlns:a16="http://schemas.microsoft.com/office/drawing/2014/main" id="{7ABE6CEC-23E3-49E5-8F7A-8A2062B186D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519217" y="189115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4</a:t>
            </a:r>
          </a:p>
        </p:txBody>
      </p:sp>
      <p:sp>
        <p:nvSpPr>
          <p:cNvPr id="56" name="OTLSHAPE_T_76da36bdbdea4a028c1ddcdc53bdf778_TextPercentage" hidden="1">
            <a:extLst>
              <a:ext uri="{FF2B5EF4-FFF2-40B4-BE49-F238E27FC236}">
                <a16:creationId xmlns:a16="http://schemas.microsoft.com/office/drawing/2014/main" id="{8420759A-22A9-4584-A321-99F7A5D3D63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EECE1"/>
                </a:solidFill>
                <a:latin typeface="Calibri" panose="020F0502020204030204" pitchFamily="34" charset="0"/>
              </a:rPr>
              <a:t>5%</a:t>
            </a:r>
          </a:p>
        </p:txBody>
      </p:sp>
      <p:sp>
        <p:nvSpPr>
          <p:cNvPr id="59" name="OTLSHAPE_T_edcf50ad2f6343b0a353fd9c062b3abb_Duration" hidden="1">
            <a:extLst>
              <a:ext uri="{FF2B5EF4-FFF2-40B4-BE49-F238E27FC236}">
                <a16:creationId xmlns:a16="http://schemas.microsoft.com/office/drawing/2014/main" id="{4102D951-2809-4687-85DF-E6DF3E4AD8C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0" name="OTLSHAPE_T_edcf50ad2f6343b0a353fd9c062b3abb_StartDate" hidden="1">
            <a:extLst>
              <a:ext uri="{FF2B5EF4-FFF2-40B4-BE49-F238E27FC236}">
                <a16:creationId xmlns:a16="http://schemas.microsoft.com/office/drawing/2014/main" id="{97BF4EE6-9DD8-41CD-90F7-5DC83EB91FE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edcf50ad2f6343b0a353fd9c062b3abb_EndDate" hidden="1">
            <a:extLst>
              <a:ext uri="{FF2B5EF4-FFF2-40B4-BE49-F238E27FC236}">
                <a16:creationId xmlns:a16="http://schemas.microsoft.com/office/drawing/2014/main" id="{D5C9FAB4-F4CC-41C5-A323-92EEFFC4BB0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edcf50ad2f6343b0a353fd9c062b3abb_Title">
            <a:extLst>
              <a:ext uri="{FF2B5EF4-FFF2-40B4-BE49-F238E27FC236}">
                <a16:creationId xmlns:a16="http://schemas.microsoft.com/office/drawing/2014/main" id="{7524508D-8B0D-4380-A891-5CEC4F6CC25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-50800" y="2543725"/>
            <a:ext cx="8509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Project directory setup for both api and client.</a:t>
            </a:r>
          </a:p>
        </p:txBody>
      </p:sp>
      <p:sp>
        <p:nvSpPr>
          <p:cNvPr id="63" name="OTLSHAPE_T_edcf50ad2f6343b0a353fd9c062b3abb_JoinedDate">
            <a:extLst>
              <a:ext uri="{FF2B5EF4-FFF2-40B4-BE49-F238E27FC236}">
                <a16:creationId xmlns:a16="http://schemas.microsoft.com/office/drawing/2014/main" id="{C6BF07EA-B48C-476B-97FD-B7C8BBFE1B7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519217" y="280725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4</a:t>
            </a:r>
          </a:p>
        </p:txBody>
      </p:sp>
      <p:sp>
        <p:nvSpPr>
          <p:cNvPr id="64" name="OTLSHAPE_T_edcf50ad2f6343b0a353fd9c062b3abb_TextPercentage" hidden="1">
            <a:extLst>
              <a:ext uri="{FF2B5EF4-FFF2-40B4-BE49-F238E27FC236}">
                <a16:creationId xmlns:a16="http://schemas.microsoft.com/office/drawing/2014/main" id="{E8D47062-82A0-498F-9824-7A98F830CAE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EECE1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67" name="OTLSHAPE_T_8f2b0639cdde4914aeefda2c134fdbb2_Duration" hidden="1">
            <a:extLst>
              <a:ext uri="{FF2B5EF4-FFF2-40B4-BE49-F238E27FC236}">
                <a16:creationId xmlns:a16="http://schemas.microsoft.com/office/drawing/2014/main" id="{9784C365-0A74-4469-A005-537645A25DC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8" name="OTLSHAPE_T_8f2b0639cdde4914aeefda2c134fdbb2_StartDate" hidden="1">
            <a:extLst>
              <a:ext uri="{FF2B5EF4-FFF2-40B4-BE49-F238E27FC236}">
                <a16:creationId xmlns:a16="http://schemas.microsoft.com/office/drawing/2014/main" id="{7A86F34F-F235-4812-A920-4FE8A7F32D7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8f2b0639cdde4914aeefda2c134fdbb2_EndDate" hidden="1">
            <a:extLst>
              <a:ext uri="{FF2B5EF4-FFF2-40B4-BE49-F238E27FC236}">
                <a16:creationId xmlns:a16="http://schemas.microsoft.com/office/drawing/2014/main" id="{65B377AE-0915-413E-B65C-B34FE255206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8f2b0639cdde4914aeefda2c134fdbb2_JoinedDate">
            <a:extLst>
              <a:ext uri="{FF2B5EF4-FFF2-40B4-BE49-F238E27FC236}">
                <a16:creationId xmlns:a16="http://schemas.microsoft.com/office/drawing/2014/main" id="{D6448DA1-2CD1-46A4-A70C-E5B0EA32F45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144992" y="335148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4 - Oct 5</a:t>
            </a:r>
          </a:p>
        </p:txBody>
      </p:sp>
      <p:sp>
        <p:nvSpPr>
          <p:cNvPr id="71" name="OTLSHAPE_T_8f2b0639cdde4914aeefda2c134fdbb2_Title">
            <a:extLst>
              <a:ext uri="{FF2B5EF4-FFF2-40B4-BE49-F238E27FC236}">
                <a16:creationId xmlns:a16="http://schemas.microsoft.com/office/drawing/2014/main" id="{B0502040-4D61-420F-AA13-AC5D0436172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801880" y="3343740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rontend work started.</a:t>
            </a:r>
          </a:p>
        </p:txBody>
      </p:sp>
      <p:sp>
        <p:nvSpPr>
          <p:cNvPr id="72" name="OTLSHAPE_T_8f2b0639cdde4914aeefda2c134fdbb2_TextPercentage" hidden="1">
            <a:extLst>
              <a:ext uri="{FF2B5EF4-FFF2-40B4-BE49-F238E27FC236}">
                <a16:creationId xmlns:a16="http://schemas.microsoft.com/office/drawing/2014/main" id="{B8716B9B-5F60-425A-9ADB-F0FEB345EDB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EECE1"/>
                </a:solidFill>
                <a:latin typeface="Calibri" panose="020F0502020204030204" pitchFamily="34" charset="0"/>
              </a:rPr>
              <a:t>30%</a:t>
            </a:r>
          </a:p>
        </p:txBody>
      </p:sp>
      <p:sp>
        <p:nvSpPr>
          <p:cNvPr id="75" name="OTLSHAPE_T_42425b49063a4e35a5ffaff6aad915bf_Duration" hidden="1">
            <a:extLst>
              <a:ext uri="{FF2B5EF4-FFF2-40B4-BE49-F238E27FC236}">
                <a16:creationId xmlns:a16="http://schemas.microsoft.com/office/drawing/2014/main" id="{10C1649D-0A9E-4C5F-AFD2-3C261EB426D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6" name="OTLSHAPE_T_42425b49063a4e35a5ffaff6aad915bf_StartDate" hidden="1">
            <a:extLst>
              <a:ext uri="{FF2B5EF4-FFF2-40B4-BE49-F238E27FC236}">
                <a16:creationId xmlns:a16="http://schemas.microsoft.com/office/drawing/2014/main" id="{0FB70C46-68F0-48B3-BBBB-CF33455F9DB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42425b49063a4e35a5ffaff6aad915bf_EndDate" hidden="1">
            <a:extLst>
              <a:ext uri="{FF2B5EF4-FFF2-40B4-BE49-F238E27FC236}">
                <a16:creationId xmlns:a16="http://schemas.microsoft.com/office/drawing/2014/main" id="{5B065853-44AA-4501-B116-94F958A632F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42425b49063a4e35a5ffaff6aad915bf_Title">
            <a:extLst>
              <a:ext uri="{FF2B5EF4-FFF2-40B4-BE49-F238E27FC236}">
                <a16:creationId xmlns:a16="http://schemas.microsoft.com/office/drawing/2014/main" id="{6A0D149A-7DF1-4D32-9CA4-2A2E5590DE7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08533" y="3686640"/>
            <a:ext cx="311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ackend work started, routes and controllers defined.</a:t>
            </a:r>
          </a:p>
        </p:txBody>
      </p:sp>
      <p:sp>
        <p:nvSpPr>
          <p:cNvPr id="79" name="OTLSHAPE_T_42425b49063a4e35a5ffaff6aad915bf_JoinedDate">
            <a:extLst>
              <a:ext uri="{FF2B5EF4-FFF2-40B4-BE49-F238E27FC236}">
                <a16:creationId xmlns:a16="http://schemas.microsoft.com/office/drawing/2014/main" id="{ECFB736C-2930-4B30-8B23-22890BB3B3C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144992" y="36943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5</a:t>
            </a:r>
          </a:p>
        </p:txBody>
      </p:sp>
      <p:sp>
        <p:nvSpPr>
          <p:cNvPr id="80" name="OTLSHAPE_T_42425b49063a4e35a5ffaff6aad915bf_TextPercentage" hidden="1">
            <a:extLst>
              <a:ext uri="{FF2B5EF4-FFF2-40B4-BE49-F238E27FC236}">
                <a16:creationId xmlns:a16="http://schemas.microsoft.com/office/drawing/2014/main" id="{0E331D31-645C-4195-979A-1BD670123A2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EECE1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83" name="OTLSHAPE_T_13dadfeb13b44023b12f0dbd3f4f2727_Duration" hidden="1">
            <a:extLst>
              <a:ext uri="{FF2B5EF4-FFF2-40B4-BE49-F238E27FC236}">
                <a16:creationId xmlns:a16="http://schemas.microsoft.com/office/drawing/2014/main" id="{F105B0BD-A760-4FFE-B582-CB569E1D7B8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84" name="OTLSHAPE_T_13dadfeb13b44023b12f0dbd3f4f2727_StartDate" hidden="1">
            <a:extLst>
              <a:ext uri="{FF2B5EF4-FFF2-40B4-BE49-F238E27FC236}">
                <a16:creationId xmlns:a16="http://schemas.microsoft.com/office/drawing/2014/main" id="{DA83E003-E78F-4499-8FE0-3DD21629B2F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13dadfeb13b44023b12f0dbd3f4f2727_EndDate" hidden="1">
            <a:extLst>
              <a:ext uri="{FF2B5EF4-FFF2-40B4-BE49-F238E27FC236}">
                <a16:creationId xmlns:a16="http://schemas.microsoft.com/office/drawing/2014/main" id="{EC78E0AE-4AC4-4C81-9CA5-F0B952AB26A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13dadfeb13b44023b12f0dbd3f4f2727_JoinedDate">
            <a:extLst>
              <a:ext uri="{FF2B5EF4-FFF2-40B4-BE49-F238E27FC236}">
                <a16:creationId xmlns:a16="http://schemas.microsoft.com/office/drawing/2014/main" id="{FC00E6CB-B0F5-4A81-83F4-6E5D35ABE98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770767" y="40372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6</a:t>
            </a:r>
          </a:p>
        </p:txBody>
      </p:sp>
      <p:sp>
        <p:nvSpPr>
          <p:cNvPr id="87" name="OTLSHAPE_T_13dadfeb13b44023b12f0dbd3f4f2727_Title">
            <a:extLst>
              <a:ext uri="{FF2B5EF4-FFF2-40B4-BE49-F238E27FC236}">
                <a16:creationId xmlns:a16="http://schemas.microsoft.com/office/drawing/2014/main" id="{AD184885-12A5-4AE5-AA6F-54335280949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509826" y="4029540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Database added to the project.</a:t>
            </a:r>
          </a:p>
        </p:txBody>
      </p:sp>
      <p:sp>
        <p:nvSpPr>
          <p:cNvPr id="88" name="OTLSHAPE_T_13dadfeb13b44023b12f0dbd3f4f2727_TextPercentage" hidden="1">
            <a:extLst>
              <a:ext uri="{FF2B5EF4-FFF2-40B4-BE49-F238E27FC236}">
                <a16:creationId xmlns:a16="http://schemas.microsoft.com/office/drawing/2014/main" id="{D0A9FC71-6ACE-4D99-962D-CDC2E7AA760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EECE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91" name="OTLSHAPE_T_a5b5d6e7f0c244248fc79202bdd571f0_Duration" hidden="1">
            <a:extLst>
              <a:ext uri="{FF2B5EF4-FFF2-40B4-BE49-F238E27FC236}">
                <a16:creationId xmlns:a16="http://schemas.microsoft.com/office/drawing/2014/main" id="{E9D9BD63-02D5-4320-AEDF-6A006D6E69B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92" name="OTLSHAPE_T_a5b5d6e7f0c244248fc79202bdd571f0_StartDate" hidden="1">
            <a:extLst>
              <a:ext uri="{FF2B5EF4-FFF2-40B4-BE49-F238E27FC236}">
                <a16:creationId xmlns:a16="http://schemas.microsoft.com/office/drawing/2014/main" id="{A46E2B28-A238-4776-9373-B95491B9611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a5b5d6e7f0c244248fc79202bdd571f0_EndDate" hidden="1">
            <a:extLst>
              <a:ext uri="{FF2B5EF4-FFF2-40B4-BE49-F238E27FC236}">
                <a16:creationId xmlns:a16="http://schemas.microsoft.com/office/drawing/2014/main" id="{8C3A889E-F22F-4D6C-9800-A65950AD196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a5b5d6e7f0c244248fc79202bdd571f0_JoinedDate">
            <a:extLst>
              <a:ext uri="{FF2B5EF4-FFF2-40B4-BE49-F238E27FC236}">
                <a16:creationId xmlns:a16="http://schemas.microsoft.com/office/drawing/2014/main" id="{2D1AA00D-80BF-4CF9-ABE0-63A22104F90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1396542" y="43801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7</a:t>
            </a:r>
          </a:p>
        </p:txBody>
      </p:sp>
      <p:sp>
        <p:nvSpPr>
          <p:cNvPr id="95" name="OTLSHAPE_T_a5b5d6e7f0c244248fc79202bdd571f0_Title">
            <a:extLst>
              <a:ext uri="{FF2B5EF4-FFF2-40B4-BE49-F238E27FC236}">
                <a16:creationId xmlns:a16="http://schemas.microsoft.com/office/drawing/2014/main" id="{03952207-C80D-4B1F-85DE-1AAB84E5297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069773" y="4372440"/>
            <a:ext cx="193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yles added along with readme. </a:t>
            </a:r>
          </a:p>
        </p:txBody>
      </p:sp>
      <p:sp>
        <p:nvSpPr>
          <p:cNvPr id="96" name="OTLSHAPE_T_a5b5d6e7f0c244248fc79202bdd571f0_TextPercentage" hidden="1">
            <a:extLst>
              <a:ext uri="{FF2B5EF4-FFF2-40B4-BE49-F238E27FC236}">
                <a16:creationId xmlns:a16="http://schemas.microsoft.com/office/drawing/2014/main" id="{6DA7F7BE-5434-4EFE-B7C8-95DF0AA497A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EECE1"/>
                </a:solidFill>
                <a:latin typeface="Calibri" panose="020F0502020204030204" pitchFamily="34" charset="0"/>
              </a:rPr>
              <a:t>95%</a:t>
            </a:r>
          </a:p>
        </p:txBody>
      </p:sp>
      <p:sp>
        <p:nvSpPr>
          <p:cNvPr id="99" name="OTLSHAPE_T_c48d5e77da9f41ab827b435fed521d54_Duration" hidden="1">
            <a:extLst>
              <a:ext uri="{FF2B5EF4-FFF2-40B4-BE49-F238E27FC236}">
                <a16:creationId xmlns:a16="http://schemas.microsoft.com/office/drawing/2014/main" id="{CC4C59A7-7290-4C24-8C62-7577F60095F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0" name="OTLSHAPE_T_c48d5e77da9f41ab827b435fed521d54_StartDate" hidden="1">
            <a:extLst>
              <a:ext uri="{FF2B5EF4-FFF2-40B4-BE49-F238E27FC236}">
                <a16:creationId xmlns:a16="http://schemas.microsoft.com/office/drawing/2014/main" id="{99E31474-89E3-4B66-AD74-97B826DEDF2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c48d5e77da9f41ab827b435fed521d54_EndDate" hidden="1">
            <a:extLst>
              <a:ext uri="{FF2B5EF4-FFF2-40B4-BE49-F238E27FC236}">
                <a16:creationId xmlns:a16="http://schemas.microsoft.com/office/drawing/2014/main" id="{84A69FB7-ACB9-45B8-ABF7-65314B76006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c48d5e77da9f41ab827b435fed521d54_JoinedDate">
            <a:extLst>
              <a:ext uri="{FF2B5EF4-FFF2-40B4-BE49-F238E27FC236}">
                <a16:creationId xmlns:a16="http://schemas.microsoft.com/office/drawing/2014/main" id="{082E5B44-06E7-4961-B6C3-5409B60FD47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1396542" y="47230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7</a:t>
            </a:r>
          </a:p>
        </p:txBody>
      </p:sp>
      <p:sp>
        <p:nvSpPr>
          <p:cNvPr id="103" name="OTLSHAPE_T_c48d5e77da9f41ab827b435fed521d54_Title">
            <a:extLst>
              <a:ext uri="{FF2B5EF4-FFF2-40B4-BE49-F238E27FC236}">
                <a16:creationId xmlns:a16="http://schemas.microsoft.com/office/drawing/2014/main" id="{980A29F8-EDFD-4E75-9A35-1D90EE8F229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310839" y="4715340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ready to be used.</a:t>
            </a:r>
          </a:p>
        </p:txBody>
      </p:sp>
      <p:sp>
        <p:nvSpPr>
          <p:cNvPr id="104" name="OTLSHAPE_T_c48d5e77da9f41ab827b435fed521d54_TextPercentage" hidden="1">
            <a:extLst>
              <a:ext uri="{FF2B5EF4-FFF2-40B4-BE49-F238E27FC236}">
                <a16:creationId xmlns:a16="http://schemas.microsoft.com/office/drawing/2014/main" id="{E1C59A7D-FD00-46D3-B2F1-2DB593DEA02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641133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NC4wNi4wMS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wLCJTaGFwZVRoaWNrbmVzcyI6Mi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jI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nRydW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AtMTAtMDdUMjM6NTk6MDAiLCJGb3JtYXQiOiJkIiwiVHlwZSI6MC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wLTEwLTA1VDIzOjU5OjAwIiwiRW5kRGF0ZSI6IjIwMjAtMTAtMDZUMjM6NTk6MDBaIiwiUGVyY2VudGFnZUNvbXBsZXRlIjo1LjAsIlN0eWxlIjp7IiRpZCI6IjE2NyIsIlNoYXBlIjowLCJTaGFwZVRoaWNrbmVzcyI6Mi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g5IiwiTWFyZ2luIjp7IiRpZCI6IjE5MCIsIlRvcCI6MCwiTGVmdCI6NCwiUmlnaHQiOjQsIkJvdHRvbSI6MH0sIlBhZGRpbmciOnsiJGlkIjoiMTkxIiwiVG9wIjowLCJMZWZ0IjowLCJSaWdodCI6MCwiQm90dG9tIjowfSwiQmFja2dyb3VuZCI6eyIkaWQiOiIxOTIiLCJDb2xvciI6eyIkaWQiOiIxOTMiLCJBIjoyNTUsIlIiOjkxLCJHIjoxNTUsIkIiOjIxM319LCJJc1Zpc2libGUiOnRydWUsIldpZHRoIjowLjAsIkhlaWdodCI6MjI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VGl0bGVTdHlsZSI6eyIkaWQiOiIxOTciLCJGb250U2V0dGluZ3MiOnsiJGlkIjoiMTk4IiwiRm9udFNpemUiOjExLCJGb250TmFtZSI6IkNhbGlicmkiLCJJc0JvbGQiOnRydWUsIklzSXRhbGljIjpmYWxzZSwiSXNVbmRlcmxpbmVkIjpmYWxzZSwiUGFyZW50U3R5bGUiOm51bGx9LCJBdXRvU2l6ZSI6MCwiRm9yZWdyb3VuZCI6eyIkaWQiOiIxOTkiLCJDb2xvciI6eyIkaWQiOiIyMDA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GlkIjoiMjExIiwiQ29sb3IiOnsiJHJlZiI6IjE3MyJ9fSwiSXNWaXNpYmxlIjp0cnVlLCJXaWR0aCI6MC4wLCJIZWlnaHQiOjAuMCwiQm9yZGVyU3R5bGUiOnsiJGlkIjoiMjEyIiwiTGluZUNvbG9yIjpudWxsLCJMaW5lV2VpZ2h0IjowLjAsIkxpbmVUeXBlIjowLCJQYXJlbnRTdHlsZSI6bnVsbH0sIlBhcmVudFN0eWxlIjpudWxsfSwiRGF0ZUZvcm1hdCI6eyIkaWQiOiIy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yMjEiLCJUb3AiOjAsIkxlZnQiOjAsIlJpZ2h0IjowLCJCb3R0b20iOjB9LCJQYWRkaW5nIjp7IiRpZCI6IjIyMiIsIlRvcCI6MCwiTGVmdCI6MCwiUmlnaHQiOjAsIkJvdHRvbSI6MH0sIkJhY2tncm91bmQiOnsiJGlkIjoiMjIzIiwiQ29sb3IiOnsiJGlkIjoiMjI0IiwiQSI6MCwiUiI6MCwiRyI6MCwiQiI6MH1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aWQiOiIyMjgiLCJDb2xvciI6eyIkaWQiOiIy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AiLCJUb3AiOjAsIkxlZnQiOjAsIlJpZ2h0IjowLCJCb3R0b20iOjB9LCJQYWRkaW5nIjp7IiRpZCI6IjIzMSIsIlRvcCI6MCwiTGVmdCI6MCwiUmlnaHQiOjAsIkJvdHRvbSI6MH0sIkJhY2tncm91bmQiOnsiJGlkIjoiMjMyIiwiQ29sb3IiOnsiJHJlZiI6IjIyNCJ9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aWQiOiIyMzUiLCIkdHlwZSI6Ik5MUkUuQ29tbW9uLkRvbS5Tb2xpZENvbG9yQnJ1c2gsIE5MUkUuQ29tbW9uIiwiQ29sb3IiOnsiJGlkIjoiMjM2IiwiQSI6MjU1LCJSIjoyMDQsIkciOjIwNCwiQiI6MjA0fX0sIkxpbmVXZWlnaHQiOjEuMCwiTGluZVR5cGUiOjAsIlBhcmVudFN0eWxlIjpudWxsfSwiVmVydGljYWxDb25uZWN0b3JTdHlsZSI6eyIkaWQiOiIyMzciLCJMaW5lQ29sb3IiOnsiJGlkIjoiMjM4IiwiJHR5cGUiOiJOTFJFLkNvbW1vbi5Eb20uU29saWRDb2xvckJydXNoLCBOTFJFLkNvbW1vbiIsIkNvbG9yIjp7IiRpZCI6IjIzOS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wIiwiVG9wIjowLCJMZWZ0IjowLCJSaWdodCI6MCwiQm90dG9tIjowfSwiUGFkZGluZyI6eyIkaWQiOiIyNjEiLCJUb3AiOjAsIkxlZnQiOjAsIlJpZ2h0IjowLCJCb3R0b20iOjB9LCJCYWNrZ3JvdW5kIjp7IiRpZCI6IjI2MiIsIkNvbG9yIjp7IiRyZWYiOiIyMjQifX0sIklzVmlzaWJsZSI6dHJ1ZSwiV2lkdGgiOjAuMCwiSGVpZ2h0IjowLjAsIkJvcmRlclN0eWxlIjp7IiRpZCI6IjI2MyIsIkxpbmVDb2xvciI6bnVsbCwiTGluZVdlaWdodCI6MC4wLCJMaW5lVHlwZSI6MCwiUGFyZW50U3R5bGUiOm51bGx9LCJQYXJlbnRTdHlsZSI6bnVsbH0sIkRhdGVGb3JtYXQiOnsiJGlkIjoiMj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MSIsIlRvcCI6MCwiTGVmdCI6MCwiUmlnaHQiOjAsIkJvdHRvbSI6MH0sIlBhZGRpbmciOnsiJGlkIjoiMzEyIiwiVG9wIjowLCJMZWZ0IjowLCJSaWdodCI6MCwiQm90dG9tIjowfSwiQmFja2dyb3VuZCI6eyIkaWQiOiIzMTMiLCJDb2xvciI6eyIkcmVmIjoiMjc1In19LCJJc1Zpc2libGUiOnRydWUsIldpZHRoIjowLjAsIkhlaWdodCI6MC4wLCJCb3JkZXJTdHlsZSI6eyIkaWQiOiIzMTQiLCJMaW5lQ29sb3IiOm51bGwsIkxpbmVXZWlnaHQiOjAuMCwiTGluZVR5cGUiOjAsIlBhcmVudFN0eWxlIjpudWxsfSwiUGFyZW50U3R5bGUiOm51bGx9LCJEYXRlRm9ybWF0Ijp7IiRpZCI6IjM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IiLCJUb3AiOjAsIkxlZnQiOjAsIlJpZ2h0IjowLCJCb3R0b20iOjB9LCJQYWRkaW5nIjp7IiRpZCI6IjM2MyIsIlRvcCI6MCwiTGVmdCI6MCwiUmlnaHQiOjAsIkJvdHRvbSI6MH0sIkJhY2tncm91bmQiOnsiJGlkIjoiMzY0IiwiQ29sb3IiOnsiJHJlZiI6IjMyNiJ9fSwiSXNWaXNpYmxlIjp0cnVlLCJXaWR0aCI6MC4wLCJIZWlnaHQiOjAuMCwiQm9yZGVyU3R5bGUiOnsiJGlkIjoiMzY1IiwiTGluZUNvbG9yIjpudWxsLCJMaW5lV2VpZ2h0IjowLjAsIkxpbmVUeXBlIjowLCJQYXJlbnRTdHlsZSI6bnVsbH0sIlBhcmVudFN0eWxlIjpudWxsfSwiRGF0ZUZvcm1hdCI6eyIkaWQiOiIz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pZCI6IjM4NSIsIkNvbG9yIjp7IiRyZWYiOiIzNzcifX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GlkIjoiMzg4IiwiJHR5cGUiOiJOTFJFLkNvbW1vbi5Eb20uU29saWRDb2xvckJydXNoLCBOTFJFLkNvbW1vbiIsIkNvbG9yIjp7IiRpZCI6IjM4OSIsIkEiOjI1NSwiUiI6MjA0LCJHIjoyMDQsIkIiOjIwNH19LCJMaW5lV2VpZ2h0IjoxLjAsIkxpbmVUeXBlIjowLCJQYXJlbnRTdHlsZSI6bnVsbH0sIlZlcnRpY2FsQ29ubmVjdG9yU3R5bGUiOnsiJGlkIjoiMzkwIiwiTGluZUNvbG9yIjp7IiRpZCI6IjM5MSIsIiR0eXBlIjoiTkxSRS5Db21tb24uRG9tLlNvbGlkQ29sb3JCcnVzaCwgTkxSRS5Db21tb24iLCJDb2xvciI6eyIkaWQiOiIzOT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xMyIsIlRvcCI6MCwiTGVmdCI6MCwiUmlnaHQiOjAsIkJvdHRvbSI6MH0sIlBhZGRpbmciOnsiJGlkIjoiNDE0IiwiVG9wIjowLCJMZWZ0IjowLCJSaWdodCI6MCwiQm90dG9tIjowfSwiQmFja2dyb3VuZCI6eyIkaWQiOiI0MTUiLCJDb2xvciI6eyIkcmVmIjoiMzc3In19LCJJc1Zpc2libGUiOnRydWUsIldpZHRoIjowLjAsIkhlaWdodCI6MC4wLCJCb3JkZXJTdHlsZSI6eyIkaWQiOiI0MTYiLCJMaW5lQ29sb3IiOm51bGwsIkxpbmVXZWlnaHQiOjAuMCwiTGluZVR5cGUiOjAsIlBhcmVudFN0eWxlIjpudWxsfSwiUGFyZW50U3R5bGUiOm51bGx9LCJEYXRlRm9ybWF0Ijp7IiRpZCI6IjQ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NCIsIlRvcCI6MCwiTGVmdCI6MCwiUmlnaHQiOjAsIkJvdHRvbSI6MH0sIlBhZGRpbmciOnsiJGlkIjoiNDY1IiwiVG9wIjowLCJMZWZ0IjowLCJSaWdodCI6MCwiQm90dG9tIjowfSwiQmFja2dyb3VuZCI6eyIkaWQiOiI0NjYiLCJDb2xvciI6eyIkcmVmIjoiNDI4In19LCJJc1Zpc2libGUiOnRydWUsIldpZHRoIjowLjAsIkhlaWdodCI6MC4wLCJCb3JkZXJTdHlsZSI6eyIkaWQiOiI0NjciLCJMaW5lQ29sb3IiOm51bGwsIkxpbmVXZWlnaHQiOjAuMCwiTGluZVR5cGUiOjAsIlBhcmVudFN0eWxlIjpudWxsfSwiUGFyZW50U3R5bGUiOm51bGx9LCJEYXRlRm9ybWF0Ijp7IiRpZCI6IjQ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UiLCJUb3AiOjAsIkxlZnQiOjAsIlJpZ2h0IjowLCJCb3R0b20iOjB9LCJQYWRkaW5nIjp7IiRpZCI6IjUxNiIsIlRvcCI6MCwiTGVmdCI6MCwiUmlnaHQiOjAsIkJvdHRvbSI6MH0sIkJhY2tncm91bmQiOnsiJGlkIjoiNTE3IiwiQ29sb3IiOnsiJHJlZiI6IjQ3OSJ9fSwiSXNWaXNpYmxlIjp0cnVlLCJXaWR0aCI6MC4wLCJIZWlnaHQiOjAuMCwiQm9yZGVyU3R5bGUiOnsiJGlkIjoiNTE4IiwiTGluZUNvbG9yIjpudWxsLCJMaW5lV2VpZ2h0IjowLjAsIkxpbmVUeXBlIjowLCJQYXJlbnRTdHlsZSI6bnVsbH0sIlBhcmVudFN0eWxlIjpudWxsfSwiRGF0ZUZvcm1hdCI6eyIkaWQiOiI1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pZCI6IjU2OCIsIkNvbG9yIjp7IiRyZWYiOiI1MzAifX0sIklzVmlzaWJsZSI6dHJ1ZSwiV2lkdGgiOjAuMCwiSGVpZ2h0IjowLjAsIkJvcmRlclN0eWxlIjp7IiRpZCI6IjU2OSIsIkxpbmVDb2xvciI6bnVsbCwiTGluZVdlaWdodCI6MC4wLCJMaW5lVHlwZSI6MCwiUGFyZW50U3R5bGUiOm51bGx9LCJQYXJlbnRTdHlsZSI6bnVsbH0sIkRhdGVGb3JtYXQiOnsiJGlkIjoiNT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3OCIsIlVzZVRpbWUiOmZhbHNlLCJXb3JrRGF5U3RhcnQiOiIwMDowMDowMCIsIldvcmtEYXlFbmQiOiIyMzo1OTowMCJ9LCJMYXN0VXNlZFRlbXBsYXRlSWQiOiI5NWZiZjBmNy1jYTZjLTRiYjktYWU3OC0xYWFmMmNhOTYwZWI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Days"/>
  <p:tag name="OTLTIMEBANDSCALEFORMAT" val="d"/>
  <p:tag name="OTLTIMEBANDQUICKPOSITION" val="Bottom"/>
  <p:tag name="OTLTIMEBANDSHAPETYPE" val="RectangleTimebandPhases"/>
  <p:tag name="OTLTIMEBANDTHREEDEFFECTS" val="Gel"/>
  <p:tag name="OTLTIMEBANDAUTODATERANGE" val="True"/>
  <p:tag name="OTLTIMEBANDSTARTDATE" val="0001-01-01T00:00:00.0000000"/>
  <p:tag name="OTLTIMEBANDENDDATE" val="2020-10-07T23:59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5T23:59:00.0000000"/>
  <p:tag name="OTLENDDATE" val="2020-10-06T23:59:00.0000000Z"/>
  <p:tag name="OTLPERCENTAGE" val="5"/>
  <p:tag name="OTLDURATIONFORMAT" val="day"/>
  <p:tag name="OTLSPACING" val="5"/>
  <p:tag name="OTLSHAPETHICKNESSTYPE" val="Thick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4T00:00:00.0000000"/>
  <p:tag name="OTLENDDATE" val="2020-10-04T23:59:00.0000000"/>
  <p:tag name="OTLPERCENTAGE" val="5"/>
  <p:tag name="OTLDURATIONFORMAT" val="day"/>
  <p:tag name="OTLSPACING" val="5"/>
  <p:tag name="OTLSHAPETHICKNESSTYPE" val="Thick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4T00:00:00.0000000"/>
  <p:tag name="OTLENDDATE" val="2020-10-04T23:59:00.0000000"/>
  <p:tag name="OTLPERCENTAGE" val="10"/>
  <p:tag name="OTLDURATIONFORMAT" val="day"/>
  <p:tag name="OTLSPACING" val="5"/>
  <p:tag name="OTLSHAPETHICKNESSTYPE" val="Thick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4T00:00:00.0000000"/>
  <p:tag name="OTLENDDATE" val="2020-10-05T23:59:00.0000000"/>
  <p:tag name="OTLPERCENTAGE" val="30"/>
  <p:tag name="OTLDURATIONFORMAT" val="day"/>
  <p:tag name="OTLSPACING" val="5"/>
  <p:tag name="OTLSHAPETHICKNESSTYPE" val="Thick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5T00:00:00.0000000"/>
  <p:tag name="OTLENDDATE" val="2020-10-05T23:59:00.0000000"/>
  <p:tag name="OTLPERCENTAGE" val="60"/>
  <p:tag name="OTLDURATIONFORMAT" val="day"/>
  <p:tag name="OTLSPACING" val="5"/>
  <p:tag name="OTLSHAPETHICKNESSTYPE" val="Thick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6T00:00:00.0000000"/>
  <p:tag name="OTLENDDATE" val="2020-10-06T23:59:00.0000000"/>
  <p:tag name="OTLPERCENTAGE" val="80"/>
  <p:tag name="OTLDURATIONFORMAT" val="day"/>
  <p:tag name="OTLSPACING" val="5"/>
  <p:tag name="OTLSHAPETHICKNESSTYPE" val="Thick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7T00:00:00.0000000"/>
  <p:tag name="OTLENDDATE" val="2020-10-07T23:59:00.0000000"/>
  <p:tag name="OTLPERCENTAGE" val="95"/>
  <p:tag name="OTLDURATIONFORMAT" val="day"/>
  <p:tag name="OTLSPACING" val="5"/>
  <p:tag name="OTLSHAPETHICKNESSTYPE" val="Thick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7T00:00:00.0000000"/>
  <p:tag name="OTLENDDATE" val="2020-10-07T23:59:00.0000000"/>
  <p:tag name="OTLPERCENTAGE" val="100"/>
  <p:tag name="OTLDURATIONFORMAT" val="day"/>
  <p:tag name="OTLSPACING" val="5"/>
  <p:tag name="OTLSHAPETHICKNESSTYPE" val="Thick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6</Words>
  <Application>Microsoft Office PowerPoint</Application>
  <PresentationFormat>Widescreen</PresentationFormat>
  <Paragraphs>3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0-10-07T12:43:21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